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09\03_社会参加推進グループ\002_各事業\009_就労\06_障害者優先調達推進法・発注促進の取組み\03_発注促進施策（受注希望！一覧等）\01_受注希望！障害福祉サービス事業所等一覧\23_R7年１月更新\01_依頼\"/>
    </mc:Choice>
  </mc:AlternateContent>
  <bookViews>
    <workbookView xWindow="-20" yWindow="4710" windowWidth="15330" windowHeight="4770" tabRatio="854"/>
  </bookViews>
  <sheets>
    <sheet name="調査票 " sheetId="66" r:id="rId1"/>
    <sheet name="調査票 (記載例)" sheetId="64" r:id="rId2"/>
    <sheet name="業務種別一覧" sheetId="63" r:id="rId3"/>
    <sheet name="事業所種別" sheetId="60" r:id="rId4"/>
  </sheets>
  <definedNames>
    <definedName name="_xlnm._FilterDatabase" localSheetId="0" hidden="1">'調査票 '!$C$5:$M$5</definedName>
    <definedName name="_xlnm._FilterDatabase" localSheetId="1" hidden="1">'調査票 (記載例)'!$C$5:$M$5</definedName>
    <definedName name="_xlnm.Print_Area" localSheetId="2">業務種別一覧!$A$1:$B$25</definedName>
    <definedName name="_xlnm.Print_Area" localSheetId="0">'調査票 '!$A$1:$M$14</definedName>
    <definedName name="_xlnm.Print_Area" localSheetId="1">'調査票 (記載例)'!$A$1:$M$13</definedName>
    <definedName name="_xlnm.Print_Titles" localSheetId="0">'調査票 '!$2:$5</definedName>
    <definedName name="_xlnm.Print_Titles" localSheetId="1">'調査票 (記載例)'!$2:$5</definedName>
  </definedNames>
  <calcPr calcId="152511"/>
</workbook>
</file>

<file path=xl/comments1.xml><?xml version="1.0" encoding="utf-8"?>
<comments xmlns="http://schemas.openxmlformats.org/spreadsheetml/2006/main">
  <authors>
    <author>user</author>
  </authors>
  <commentList>
    <comment ref="A2" authorId="0" shapeId="0">
      <text>
        <r>
          <rPr>
            <b/>
            <sz val="10"/>
            <color indexed="81"/>
            <rFont val="ＭＳ Ｐゴシック"/>
            <family val="3"/>
            <charset val="128"/>
          </rPr>
          <t>事業所種別から選択してください。</t>
        </r>
      </text>
    </comment>
    <comment ref="K2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業務種別一覧から選択してください。
１事業所で複数の業務を受注している場合は、行を分けて記載してください。</t>
        </r>
      </text>
    </comment>
    <comment ref="M2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注可能な仕様・参考価格・納期については、なるべく詳細に記載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H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市町村名を入力してください。</t>
        </r>
      </text>
    </comment>
    <comment ref="I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住所を入力してください。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A2" authorId="0" shapeId="0">
      <text>
        <r>
          <rPr>
            <b/>
            <sz val="12"/>
            <color indexed="81"/>
            <rFont val="ＭＳ Ｐゴシック"/>
            <family val="3"/>
            <charset val="128"/>
          </rPr>
          <t>事業所種別から選択してください。</t>
        </r>
      </text>
    </comment>
    <comment ref="K2" authorId="0" shapeId="0">
      <text>
        <r>
          <rPr>
            <b/>
            <sz val="12"/>
            <color indexed="81"/>
            <rFont val="ＭＳ Ｐゴシック"/>
            <family val="3"/>
            <charset val="128"/>
          </rPr>
          <t>業種別一覧から選択してください。</t>
        </r>
      </text>
    </comment>
  </commentList>
</comments>
</file>

<file path=xl/sharedStrings.xml><?xml version="1.0" encoding="utf-8"?>
<sst xmlns="http://schemas.openxmlformats.org/spreadsheetml/2006/main" count="177" uniqueCount="88">
  <si>
    <t>事業所の所在地</t>
    <rPh sb="0" eb="3">
      <t>ジギョウショ</t>
    </rPh>
    <rPh sb="4" eb="7">
      <t>ショザイチ</t>
    </rPh>
    <phoneticPr fontId="2"/>
  </si>
  <si>
    <t>事業所名</t>
    <rPh sb="0" eb="3">
      <t>ジギョウショ</t>
    </rPh>
    <rPh sb="3" eb="4">
      <t>メイ</t>
    </rPh>
    <phoneticPr fontId="2"/>
  </si>
  <si>
    <t>クリーニング</t>
    <phoneticPr fontId="1"/>
  </si>
  <si>
    <t>事業所
種　別</t>
    <rPh sb="0" eb="3">
      <t>ジギョウショ</t>
    </rPh>
    <rPh sb="4" eb="5">
      <t>タネ</t>
    </rPh>
    <rPh sb="6" eb="7">
      <t>ベツ</t>
    </rPh>
    <phoneticPr fontId="2"/>
  </si>
  <si>
    <t>事業所種別一覧表</t>
    <rPh sb="0" eb="3">
      <t>ジギョウショ</t>
    </rPh>
    <rPh sb="3" eb="5">
      <t>シュベツ</t>
    </rPh>
    <rPh sb="5" eb="7">
      <t>イチラン</t>
    </rPh>
    <rPh sb="7" eb="8">
      <t>ヒョウ</t>
    </rPh>
    <phoneticPr fontId="1"/>
  </si>
  <si>
    <t>種別番号</t>
    <rPh sb="0" eb="2">
      <t>シュベツ</t>
    </rPh>
    <rPh sb="2" eb="4">
      <t>バンゴウ</t>
    </rPh>
    <phoneticPr fontId="1"/>
  </si>
  <si>
    <t>就労継続支援Ｂ型事業所</t>
    <rPh sb="0" eb="2">
      <t>シュウロウ</t>
    </rPh>
    <rPh sb="2" eb="4">
      <t>ケイゾク</t>
    </rPh>
    <rPh sb="4" eb="6">
      <t>シエン</t>
    </rPh>
    <rPh sb="7" eb="8">
      <t>ガタ</t>
    </rPh>
    <rPh sb="8" eb="11">
      <t>ジギョウショ</t>
    </rPh>
    <phoneticPr fontId="1"/>
  </si>
  <si>
    <t>就労継続支援Ａ型事業所</t>
    <rPh sb="0" eb="2">
      <t>シュウロウ</t>
    </rPh>
    <rPh sb="2" eb="4">
      <t>ケイゾク</t>
    </rPh>
    <rPh sb="4" eb="6">
      <t>シエン</t>
    </rPh>
    <rPh sb="7" eb="8">
      <t>ガタ</t>
    </rPh>
    <rPh sb="8" eb="11">
      <t>ジギョウショ</t>
    </rPh>
    <phoneticPr fontId="1"/>
  </si>
  <si>
    <t>地域活動支援センター</t>
    <rPh sb="0" eb="2">
      <t>チイキ</t>
    </rPh>
    <rPh sb="2" eb="4">
      <t>カツドウ</t>
    </rPh>
    <rPh sb="4" eb="6">
      <t>シエン</t>
    </rPh>
    <phoneticPr fontId="1"/>
  </si>
  <si>
    <t>生活介護事業所</t>
    <rPh sb="0" eb="2">
      <t>セイカツ</t>
    </rPh>
    <rPh sb="2" eb="4">
      <t>カイゴ</t>
    </rPh>
    <rPh sb="4" eb="7">
      <t>ジギョウショ</t>
    </rPh>
    <phoneticPr fontId="1"/>
  </si>
  <si>
    <t>就労移行支援事業所</t>
    <rPh sb="0" eb="2">
      <t>シュウロウ</t>
    </rPh>
    <rPh sb="2" eb="4">
      <t>イコウ</t>
    </rPh>
    <rPh sb="4" eb="6">
      <t>シエン</t>
    </rPh>
    <rPh sb="6" eb="9">
      <t>ジギョウショ</t>
    </rPh>
    <phoneticPr fontId="1"/>
  </si>
  <si>
    <t>横浜市</t>
    <rPh sb="0" eb="3">
      <t>ヨコハマシ</t>
    </rPh>
    <phoneticPr fontId="1"/>
  </si>
  <si>
    <t>事業所種別</t>
    <rPh sb="0" eb="3">
      <t>ジギョウショ</t>
    </rPh>
    <rPh sb="3" eb="5">
      <t>シュベツ</t>
    </rPh>
    <phoneticPr fontId="1"/>
  </si>
  <si>
    <t>種別</t>
    <rPh sb="0" eb="2">
      <t>シュベツ</t>
    </rPh>
    <phoneticPr fontId="1"/>
  </si>
  <si>
    <t>業務種別</t>
    <rPh sb="0" eb="2">
      <t>ギョウム</t>
    </rPh>
    <rPh sb="2" eb="4">
      <t>シュベツ</t>
    </rPh>
    <phoneticPr fontId="1"/>
  </si>
  <si>
    <t>業務種別一覧</t>
    <rPh sb="0" eb="2">
      <t>ギョウム</t>
    </rPh>
    <rPh sb="2" eb="4">
      <t>シュベツ</t>
    </rPh>
    <rPh sb="4" eb="6">
      <t>イチラン</t>
    </rPh>
    <phoneticPr fontId="1"/>
  </si>
  <si>
    <t>各種袋詰め、梱包</t>
  </si>
  <si>
    <t>名刺作成</t>
  </si>
  <si>
    <t>弁当、総菜</t>
  </si>
  <si>
    <t>パン、焼菓子</t>
  </si>
  <si>
    <t>刻印、裁断、折り込み等</t>
  </si>
  <si>
    <t>封入、シール貼り、発送等</t>
  </si>
  <si>
    <t>封入、シール貼り、発送等</t>
    <phoneticPr fontId="1"/>
  </si>
  <si>
    <t>刻印、裁断、折り込み等</t>
    <phoneticPr fontId="1"/>
  </si>
  <si>
    <t>弁当、総菜</t>
    <phoneticPr fontId="1"/>
  </si>
  <si>
    <t>その他食品</t>
    <phoneticPr fontId="1"/>
  </si>
  <si>
    <t>手工芸、陶器等</t>
    <phoneticPr fontId="1"/>
  </si>
  <si>
    <t>衣類、染物、布製品等</t>
    <phoneticPr fontId="1"/>
  </si>
  <si>
    <t>清掃</t>
    <phoneticPr fontId="1"/>
  </si>
  <si>
    <t>園芸、草刈り</t>
    <phoneticPr fontId="1"/>
  </si>
  <si>
    <t>運搬、ポスティング等</t>
    <phoneticPr fontId="1"/>
  </si>
  <si>
    <t>就労継続支援Ｂ型事業所</t>
  </si>
  <si>
    <t>就労継続支援Ａ型事業所</t>
  </si>
  <si>
    <t>就労移行支援事業所</t>
  </si>
  <si>
    <t>地域活動支援センター</t>
  </si>
  <si>
    <t>生活介護事業所</t>
  </si>
  <si>
    <t>調査票</t>
    <rPh sb="0" eb="3">
      <t>チョウサヒョウ</t>
    </rPh>
    <phoneticPr fontId="1"/>
  </si>
  <si>
    <t>○○</t>
    <phoneticPr fontId="1"/>
  </si>
  <si>
    <t>法人名</t>
    <phoneticPr fontId="1"/>
  </si>
  <si>
    <t>ＴＥＬ</t>
    <phoneticPr fontId="2"/>
  </si>
  <si>
    <t>ＦＡＸ</t>
    <phoneticPr fontId="2"/>
  </si>
  <si>
    <t>担当者
氏名</t>
    <rPh sb="0" eb="3">
      <t>タントウシャ</t>
    </rPh>
    <rPh sb="4" eb="6">
      <t>シメイ</t>
    </rPh>
    <phoneticPr fontId="2"/>
  </si>
  <si>
    <t>小規模作業所（障害者地域作業所）</t>
    <rPh sb="0" eb="3">
      <t>ショウキボ</t>
    </rPh>
    <rPh sb="3" eb="5">
      <t>サギョウ</t>
    </rPh>
    <rPh sb="5" eb="6">
      <t>ショ</t>
    </rPh>
    <phoneticPr fontId="1"/>
  </si>
  <si>
    <t>小規模作業所（障害者地域作業所）</t>
    <rPh sb="0" eb="3">
      <t>ショウキボ</t>
    </rPh>
    <rPh sb="3" eb="5">
      <t>サギョウ</t>
    </rPh>
    <rPh sb="5" eb="6">
      <t>ショ</t>
    </rPh>
    <rPh sb="7" eb="10">
      <t>ショウガイシャ</t>
    </rPh>
    <rPh sb="10" eb="12">
      <t>チイキ</t>
    </rPh>
    <rPh sb="12" eb="15">
      <t>サギョウジョ</t>
    </rPh>
    <phoneticPr fontId="1"/>
  </si>
  <si>
    <t>印刷、製本</t>
    <rPh sb="0" eb="2">
      <t>インサツ</t>
    </rPh>
    <rPh sb="3" eb="5">
      <t>セイホン</t>
    </rPh>
    <phoneticPr fontId="1"/>
  </si>
  <si>
    <t>中区日本大通１</t>
    <rPh sb="0" eb="2">
      <t>ナカク</t>
    </rPh>
    <rPh sb="2" eb="4">
      <t>ニホン</t>
    </rPh>
    <rPh sb="4" eb="6">
      <t>オオドオ</t>
    </rPh>
    <phoneticPr fontId="1"/>
  </si>
  <si>
    <t>廃品回収、リサイクル、水道メータ分解等</t>
    <rPh sb="11" eb="13">
      <t>スイドウ</t>
    </rPh>
    <rPh sb="16" eb="18">
      <t>ブンカイ</t>
    </rPh>
    <phoneticPr fontId="1"/>
  </si>
  <si>
    <t>災害備蓄品</t>
    <rPh sb="0" eb="2">
      <t>サイガイ</t>
    </rPh>
    <rPh sb="2" eb="4">
      <t>ビチク</t>
    </rPh>
    <rPh sb="4" eb="5">
      <t>ヒン</t>
    </rPh>
    <phoneticPr fontId="1"/>
  </si>
  <si>
    <t>看板、プレート製作</t>
    <rPh sb="0" eb="2">
      <t>カンバン</t>
    </rPh>
    <rPh sb="7" eb="9">
      <t>セイサク</t>
    </rPh>
    <phoneticPr fontId="1"/>
  </si>
  <si>
    <t>A法人</t>
    <rPh sb="1" eb="3">
      <t>ホウジン</t>
    </rPh>
    <phoneticPr fontId="1"/>
  </si>
  <si>
    <t>B事業所</t>
    <rPh sb="1" eb="3">
      <t>ジギョウ</t>
    </rPh>
    <rPh sb="3" eb="4">
      <t>ショ</t>
    </rPh>
    <phoneticPr fontId="1"/>
  </si>
  <si>
    <t>C事業所</t>
    <rPh sb="1" eb="3">
      <t>ジギョウ</t>
    </rPh>
    <rPh sb="3" eb="4">
      <t>ショ</t>
    </rPh>
    <phoneticPr fontId="1"/>
  </si>
  <si>
    <t>D事業所</t>
    <rPh sb="1" eb="3">
      <t>ジギョウ</t>
    </rPh>
    <rPh sb="3" eb="4">
      <t>ショ</t>
    </rPh>
    <phoneticPr fontId="1"/>
  </si>
  <si>
    <t>メール</t>
    <phoneticPr fontId="1"/>
  </si>
  <si>
    <t>○○</t>
    <phoneticPr fontId="1"/>
  </si>
  <si>
    <t>法人番号</t>
    <rPh sb="0" eb="2">
      <t>ホウジン</t>
    </rPh>
    <rPh sb="2" eb="4">
      <t>バンゴウ</t>
    </rPh>
    <phoneticPr fontId="1"/>
  </si>
  <si>
    <t>○○○○</t>
    <phoneticPr fontId="1"/>
  </si>
  <si>
    <t>点字印刷、点訳</t>
    <rPh sb="0" eb="2">
      <t>テンジ</t>
    </rPh>
    <rPh sb="2" eb="4">
      <t>インサツ</t>
    </rPh>
    <rPh sb="5" eb="7">
      <t>テンヤク</t>
    </rPh>
    <phoneticPr fontId="1"/>
  </si>
  <si>
    <t>物品（自主製造・販売）</t>
    <rPh sb="0" eb="2">
      <t>ブッピン</t>
    </rPh>
    <rPh sb="3" eb="5">
      <t>ジシュ</t>
    </rPh>
    <rPh sb="5" eb="7">
      <t>セイゾウ</t>
    </rPh>
    <rPh sb="8" eb="10">
      <t>ハンバイ</t>
    </rPh>
    <phoneticPr fontId="1"/>
  </si>
  <si>
    <t>役務（請負）</t>
    <rPh sb="0" eb="2">
      <t>エキム</t>
    </rPh>
    <rPh sb="3" eb="5">
      <t>ウケオイ</t>
    </rPh>
    <phoneticPr fontId="1"/>
  </si>
  <si>
    <t>その他役務</t>
    <rPh sb="3" eb="5">
      <t>エキム</t>
    </rPh>
    <phoneticPr fontId="1"/>
  </si>
  <si>
    <t>その他物品</t>
    <rPh sb="3" eb="5">
      <t>ブッピン</t>
    </rPh>
    <phoneticPr fontId="1"/>
  </si>
  <si>
    <t>封筒</t>
    <rPh sb="0" eb="2">
      <t>フウトウ</t>
    </rPh>
    <phoneticPr fontId="1"/>
  </si>
  <si>
    <t>名刺</t>
    <phoneticPr fontId="1"/>
  </si>
  <si>
    <t>清掃</t>
    <phoneticPr fontId="1"/>
  </si>
  <si>
    <t>クリーニング</t>
    <phoneticPr fontId="1"/>
  </si>
  <si>
    <t>園芸、草刈り</t>
    <phoneticPr fontId="1"/>
  </si>
  <si>
    <t>運搬、ポスティング等</t>
    <phoneticPr fontId="1"/>
  </si>
  <si>
    <t>その他役務</t>
    <rPh sb="2" eb="3">
      <t>タ</t>
    </rPh>
    <rPh sb="3" eb="5">
      <t>エキム</t>
    </rPh>
    <phoneticPr fontId="1"/>
  </si>
  <si>
    <t>パン、焼き菓子</t>
    <rPh sb="3" eb="4">
      <t>ヤ</t>
    </rPh>
    <rPh sb="5" eb="7">
      <t>ガシ</t>
    </rPh>
    <phoneticPr fontId="1"/>
  </si>
  <si>
    <t>弁当、総菜</t>
    <rPh sb="0" eb="2">
      <t>ベントウ</t>
    </rPh>
    <rPh sb="3" eb="5">
      <t>ソウザイ</t>
    </rPh>
    <phoneticPr fontId="1"/>
  </si>
  <si>
    <t>その他食品</t>
    <rPh sb="2" eb="3">
      <t>タ</t>
    </rPh>
    <rPh sb="3" eb="5">
      <t>ショクヒン</t>
    </rPh>
    <phoneticPr fontId="1"/>
  </si>
  <si>
    <t>名刺</t>
    <rPh sb="0" eb="2">
      <t>メイシ</t>
    </rPh>
    <phoneticPr fontId="1"/>
  </si>
  <si>
    <t>手工芸、陶器等</t>
    <rPh sb="0" eb="3">
      <t>シュコウゲイ</t>
    </rPh>
    <rPh sb="4" eb="6">
      <t>トウキ</t>
    </rPh>
    <rPh sb="6" eb="7">
      <t>トウ</t>
    </rPh>
    <phoneticPr fontId="1"/>
  </si>
  <si>
    <t>衣類、染物、布製品等</t>
    <rPh sb="0" eb="2">
      <t>イルイ</t>
    </rPh>
    <rPh sb="3" eb="4">
      <t>ソ</t>
    </rPh>
    <rPh sb="4" eb="5">
      <t>モノ</t>
    </rPh>
    <rPh sb="6" eb="7">
      <t>ヌノ</t>
    </rPh>
    <rPh sb="7" eb="9">
      <t>セイヒン</t>
    </rPh>
    <rPh sb="9" eb="10">
      <t>トウ</t>
    </rPh>
    <phoneticPr fontId="1"/>
  </si>
  <si>
    <t>看板、プレート製作</t>
    <rPh sb="0" eb="2">
      <t>カンバン</t>
    </rPh>
    <rPh sb="7" eb="9">
      <t>セイサク</t>
    </rPh>
    <phoneticPr fontId="1"/>
  </si>
  <si>
    <t>情報処理（文書の電子化、テープ起こし、入力等）</t>
    <rPh sb="0" eb="2">
      <t>ジョウホウ</t>
    </rPh>
    <rPh sb="2" eb="4">
      <t>ショリ</t>
    </rPh>
    <rPh sb="5" eb="7">
      <t>ブンショ</t>
    </rPh>
    <rPh sb="8" eb="11">
      <t>デンシカ</t>
    </rPh>
    <rPh sb="15" eb="16">
      <t>オ</t>
    </rPh>
    <rPh sb="19" eb="21">
      <t>ニュウリョク</t>
    </rPh>
    <rPh sb="21" eb="22">
      <t>トウ</t>
    </rPh>
    <phoneticPr fontId="1"/>
  </si>
  <si>
    <t>花苗、プランター</t>
    <rPh sb="0" eb="1">
      <t>ハナ</t>
    </rPh>
    <rPh sb="1" eb="2">
      <t>ナエ</t>
    </rPh>
    <phoneticPr fontId="1"/>
  </si>
  <si>
    <t>花苗、プランター等</t>
    <rPh sb="0" eb="1">
      <t>ハナ</t>
    </rPh>
    <rPh sb="1" eb="2">
      <t>ナエ</t>
    </rPh>
    <rPh sb="8" eb="9">
      <t>トウ</t>
    </rPh>
    <phoneticPr fontId="1"/>
  </si>
  <si>
    <t>情報処理（文書の電子化、テープ起こし、HP作成等）</t>
    <rPh sb="0" eb="2">
      <t>ジョウホウ</t>
    </rPh>
    <rPh sb="2" eb="4">
      <t>ショリ</t>
    </rPh>
    <rPh sb="21" eb="23">
      <t>サクセイ</t>
    </rPh>
    <rPh sb="23" eb="24">
      <t>トウ</t>
    </rPh>
    <phoneticPr fontId="1"/>
  </si>
  <si>
    <t>受注可能な業務
（具体的な①業務内容、②取扱品目、③標準単価、④納期等）</t>
    <rPh sb="0" eb="2">
      <t>ジュチュウ</t>
    </rPh>
    <rPh sb="2" eb="4">
      <t>カノウ</t>
    </rPh>
    <rPh sb="5" eb="7">
      <t>ギョウム</t>
    </rPh>
    <rPh sb="10" eb="13">
      <t>グタイテキ</t>
    </rPh>
    <rPh sb="15" eb="17">
      <t>ギョウム</t>
    </rPh>
    <rPh sb="17" eb="19">
      <t>ナイヨウ</t>
    </rPh>
    <rPh sb="21" eb="23">
      <t>トリアツカ</t>
    </rPh>
    <rPh sb="23" eb="25">
      <t>ヒンモク</t>
    </rPh>
    <rPh sb="27" eb="29">
      <t>ヒョウジュン</t>
    </rPh>
    <rPh sb="29" eb="31">
      <t>タンカ</t>
    </rPh>
    <rPh sb="33" eb="35">
      <t>ノウキ</t>
    </rPh>
    <rPh sb="35" eb="36">
      <t>トウ</t>
    </rPh>
    <phoneticPr fontId="2"/>
  </si>
  <si>
    <t>①
②
③
④</t>
    <phoneticPr fontId="1"/>
  </si>
  <si>
    <t>地方自治法施行規則第12条2の21で定めるところにより知事の認定を受けた者</t>
    <rPh sb="0" eb="2">
      <t>チホウ</t>
    </rPh>
    <rPh sb="2" eb="4">
      <t>ジチ</t>
    </rPh>
    <rPh sb="4" eb="5">
      <t>ホウ</t>
    </rPh>
    <rPh sb="5" eb="7">
      <t>セコウ</t>
    </rPh>
    <rPh sb="7" eb="9">
      <t>キソク</t>
    </rPh>
    <rPh sb="9" eb="10">
      <t>ダイ</t>
    </rPh>
    <rPh sb="12" eb="13">
      <t>ジョウ</t>
    </rPh>
    <rPh sb="18" eb="19">
      <t>サダ</t>
    </rPh>
    <rPh sb="27" eb="29">
      <t>チジ</t>
    </rPh>
    <rPh sb="30" eb="32">
      <t>ニンテイ</t>
    </rPh>
    <rPh sb="33" eb="34">
      <t>ウ</t>
    </rPh>
    <rPh sb="36" eb="37">
      <t>モノ</t>
    </rPh>
    <phoneticPr fontId="1"/>
  </si>
  <si>
    <t>受注可能な業務
（具体的な①業務内容、②取扱品目、③標準単価、④納期等）</t>
    <rPh sb="0" eb="2">
      <t>ジュチュウ</t>
    </rPh>
    <rPh sb="2" eb="4">
      <t>カノウ</t>
    </rPh>
    <rPh sb="5" eb="7">
      <t>ギョウム</t>
    </rPh>
    <rPh sb="10" eb="13">
      <t>グタイテキ</t>
    </rPh>
    <rPh sb="15" eb="17">
      <t>ギョウム</t>
    </rPh>
    <rPh sb="17" eb="19">
      <t>ナイヨウ</t>
    </rPh>
    <rPh sb="21" eb="23">
      <t>トリアツカイ</t>
    </rPh>
    <rPh sb="23" eb="25">
      <t>ヒンモク</t>
    </rPh>
    <rPh sb="27" eb="29">
      <t>ヒョウジュン</t>
    </rPh>
    <rPh sb="29" eb="31">
      <t>タンカ</t>
    </rPh>
    <rPh sb="33" eb="35">
      <t>ノウキ</t>
    </rPh>
    <rPh sb="35" eb="36">
      <t>トウ</t>
    </rPh>
    <phoneticPr fontId="2"/>
  </si>
  <si>
    <t>①②各サイズの封筒への封入作業や宛名等のシール貼り、製品の袋詰め、梱包作業等を受注可能。ホテル等で使用するナプキン折作業も行っています。
③チラシ折作業は一日平均4000枚以上
④単価・納期などについては直接お問い合わせ下さい。</t>
    <phoneticPr fontId="1"/>
  </si>
  <si>
    <t>①名刺の作成を行います。
②両面印刷、ロゴマークの追加、点字刻印も承ります。
③片面100枚2,000円～。
④100枚×10セットの場合：校正確認後から１週間</t>
    <rPh sb="1" eb="3">
      <t>メイシ</t>
    </rPh>
    <rPh sb="4" eb="6">
      <t>サクセイ</t>
    </rPh>
    <rPh sb="7" eb="8">
      <t>オコナ</t>
    </rPh>
    <rPh sb="14" eb="16">
      <t>リョウメン</t>
    </rPh>
    <rPh sb="16" eb="18">
      <t>インサツ</t>
    </rPh>
    <rPh sb="25" eb="27">
      <t>ツイカ</t>
    </rPh>
    <rPh sb="28" eb="30">
      <t>テンジ</t>
    </rPh>
    <rPh sb="30" eb="32">
      <t>コクイン</t>
    </rPh>
    <rPh sb="33" eb="34">
      <t>ウケタマワ</t>
    </rPh>
    <rPh sb="59" eb="60">
      <t>マイ</t>
    </rPh>
    <rPh sb="67" eb="69">
      <t>バアイ</t>
    </rPh>
    <rPh sb="70" eb="72">
      <t>コウセイ</t>
    </rPh>
    <rPh sb="72" eb="74">
      <t>カクニン</t>
    </rPh>
    <rPh sb="74" eb="75">
      <t>ゴ</t>
    </rPh>
    <rPh sb="78" eb="80">
      <t>シュウカン</t>
    </rPh>
    <phoneticPr fontId="1"/>
  </si>
  <si>
    <t>①文書の電子化を行います。
②A3規格までの文書の電子化
③１枚6.5円
④5,000枚（宅配120サイズ段ボール箱１）の場合：１か月程度</t>
    <rPh sb="1" eb="3">
      <t>ブンショ</t>
    </rPh>
    <rPh sb="4" eb="7">
      <t>デンシカ</t>
    </rPh>
    <rPh sb="8" eb="9">
      <t>オコナ</t>
    </rPh>
    <rPh sb="17" eb="19">
      <t>キカク</t>
    </rPh>
    <rPh sb="22" eb="24">
      <t>ブンショ</t>
    </rPh>
    <rPh sb="25" eb="27">
      <t>デンシ</t>
    </rPh>
    <rPh sb="27" eb="28">
      <t>カ</t>
    </rPh>
    <rPh sb="31" eb="32">
      <t>マイ</t>
    </rPh>
    <rPh sb="35" eb="36">
      <t>エン</t>
    </rPh>
    <rPh sb="43" eb="44">
      <t>マイ</t>
    </rPh>
    <rPh sb="45" eb="47">
      <t>タクハイ</t>
    </rPh>
    <rPh sb="53" eb="54">
      <t>ダン</t>
    </rPh>
    <rPh sb="57" eb="58">
      <t>ハコ</t>
    </rPh>
    <rPh sb="61" eb="63">
      <t>バアイ</t>
    </rPh>
    <rPh sb="66" eb="67">
      <t>ゲツ</t>
    </rPh>
    <rPh sb="67" eb="69">
      <t>テイド</t>
    </rPh>
    <phoneticPr fontId="1"/>
  </si>
  <si>
    <t>①②各種弁当、飲み物などの注文を承ります。
③日替わり弁当650円　④詳細は、直接お問い合わせください。　</t>
    <rPh sb="2" eb="4">
      <t>カクシュ</t>
    </rPh>
    <rPh sb="4" eb="6">
      <t>ベントウ</t>
    </rPh>
    <rPh sb="7" eb="8">
      <t>ノ</t>
    </rPh>
    <rPh sb="9" eb="10">
      <t>モノ</t>
    </rPh>
    <rPh sb="13" eb="15">
      <t>チュウモン</t>
    </rPh>
    <rPh sb="16" eb="17">
      <t>ウケタマワ</t>
    </rPh>
    <rPh sb="23" eb="24">
      <t>ヒ</t>
    </rPh>
    <rPh sb="24" eb="25">
      <t>ガ</t>
    </rPh>
    <rPh sb="27" eb="29">
      <t>ベントウ</t>
    </rPh>
    <rPh sb="32" eb="33">
      <t>エン</t>
    </rPh>
    <rPh sb="35" eb="37">
      <t>ショウサイ</t>
    </rPh>
    <rPh sb="39" eb="41">
      <t>チョクセツ</t>
    </rPh>
    <rPh sb="42" eb="43">
      <t>ト</t>
    </rPh>
    <rPh sb="44" eb="45">
      <t>ア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ゴシック"/>
      <family val="3"/>
      <charset val="128"/>
    </font>
    <font>
      <sz val="14"/>
      <name val="ＭＳ 明朝"/>
      <family val="1"/>
      <charset val="128"/>
    </font>
    <font>
      <b/>
      <sz val="13"/>
      <name val="ＭＳ Ｐゴシック"/>
      <family val="3"/>
      <charset val="128"/>
    </font>
    <font>
      <b/>
      <sz val="13"/>
      <name val="ＭＳ ゴシック"/>
      <family val="3"/>
      <charset val="128"/>
    </font>
    <font>
      <sz val="10"/>
      <name val="ＭＳ 明朝"/>
      <family val="1"/>
      <charset val="128"/>
    </font>
    <font>
      <sz val="10"/>
      <name val="ＭＳ ゴシック"/>
      <family val="3"/>
      <charset val="128"/>
    </font>
    <font>
      <sz val="8"/>
      <name val="ＭＳ 明朝"/>
      <family val="1"/>
      <charset val="128"/>
    </font>
    <font>
      <b/>
      <sz val="12"/>
      <name val="ＭＳ 明朝"/>
      <family val="1"/>
      <charset val="128"/>
    </font>
    <font>
      <b/>
      <sz val="12"/>
      <name val="ＭＳ ゴシック"/>
      <family val="3"/>
      <charset val="128"/>
    </font>
    <font>
      <b/>
      <sz val="14"/>
      <name val="ＭＳ 明朝"/>
      <family val="1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2"/>
      <color indexed="81"/>
      <name val="ＭＳ Ｐゴシック"/>
      <family val="3"/>
      <charset val="128"/>
    </font>
    <font>
      <b/>
      <sz val="12"/>
      <name val="ＭＳ Ｐゴシック"/>
      <family val="3"/>
      <charset val="128"/>
      <scheme val="major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b/>
      <sz val="10"/>
      <color indexed="8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4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3">
    <xf numFmtId="0" fontId="0" fillId="0" borderId="0" xfId="0">
      <alignment vertical="center"/>
    </xf>
    <xf numFmtId="0" fontId="3" fillId="0" borderId="0" xfId="0" applyFont="1">
      <alignment vertical="center"/>
    </xf>
    <xf numFmtId="0" fontId="0" fillId="0" borderId="0" xfId="0" applyBorder="1">
      <alignment vertical="center"/>
    </xf>
    <xf numFmtId="0" fontId="5" fillId="0" borderId="0" xfId="0" applyFont="1" applyFill="1" applyBorder="1" applyAlignment="1">
      <alignment vertical="center"/>
    </xf>
    <xf numFmtId="0" fontId="6" fillId="0" borderId="2" xfId="0" applyFont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8" fillId="0" borderId="0" xfId="0" applyFont="1">
      <alignment vertical="center"/>
    </xf>
    <xf numFmtId="0" fontId="8" fillId="0" borderId="0" xfId="0" applyFont="1" applyAlignment="1">
      <alignment horizontal="center" vertical="center" wrapText="1"/>
    </xf>
    <xf numFmtId="0" fontId="8" fillId="0" borderId="0" xfId="0" applyFont="1" applyAlignment="1">
      <alignment vertical="center"/>
    </xf>
    <xf numFmtId="0" fontId="9" fillId="0" borderId="0" xfId="0" applyFont="1">
      <alignment vertical="center"/>
    </xf>
    <xf numFmtId="0" fontId="10" fillId="0" borderId="4" xfId="0" applyFont="1" applyBorder="1">
      <alignment vertical="center"/>
    </xf>
    <xf numFmtId="0" fontId="10" fillId="0" borderId="5" xfId="0" applyFont="1" applyBorder="1">
      <alignment vertical="center"/>
    </xf>
    <xf numFmtId="0" fontId="10" fillId="0" borderId="6" xfId="0" applyFont="1" applyBorder="1">
      <alignment vertical="center"/>
    </xf>
    <xf numFmtId="0" fontId="11" fillId="0" borderId="0" xfId="0" applyFont="1">
      <alignment vertical="center"/>
    </xf>
    <xf numFmtId="0" fontId="13" fillId="0" borderId="1" xfId="0" applyFont="1" applyFill="1" applyBorder="1" applyAlignment="1">
      <alignment horizontal="center" vertical="center" wrapText="1"/>
    </xf>
    <xf numFmtId="49" fontId="13" fillId="0" borderId="1" xfId="0" applyNumberFormat="1" applyFont="1" applyFill="1" applyBorder="1" applyAlignment="1">
      <alignment horizontal="center" vertical="center" wrapText="1"/>
    </xf>
    <xf numFmtId="0" fontId="13" fillId="0" borderId="1" xfId="0" applyFont="1" applyFill="1" applyBorder="1" applyAlignment="1">
      <alignment vertical="center" wrapText="1"/>
    </xf>
    <xf numFmtId="0" fontId="13" fillId="0" borderId="1" xfId="0" applyFont="1" applyFill="1" applyBorder="1" applyAlignment="1">
      <alignment horizontal="left" vertical="center" wrapText="1"/>
    </xf>
    <xf numFmtId="0" fontId="13" fillId="0" borderId="1" xfId="0" applyFont="1" applyFill="1" applyBorder="1" applyAlignment="1">
      <alignment horizontal="left" vertical="top" wrapText="1"/>
    </xf>
    <xf numFmtId="0" fontId="0" fillId="0" borderId="1" xfId="0" applyBorder="1" applyAlignment="1">
      <alignment horizontal="center" vertical="center"/>
    </xf>
    <xf numFmtId="0" fontId="7" fillId="0" borderId="1" xfId="0" applyFont="1" applyFill="1" applyBorder="1" applyAlignment="1">
      <alignment vertical="center"/>
    </xf>
    <xf numFmtId="0" fontId="7" fillId="0" borderId="1" xfId="0" applyFont="1" applyFill="1" applyBorder="1" applyAlignment="1">
      <alignment vertical="center" wrapText="1"/>
    </xf>
    <xf numFmtId="0" fontId="0" fillId="0" borderId="7" xfId="0" applyBorder="1" applyAlignment="1">
      <alignment horizontal="center" vertical="center"/>
    </xf>
    <xf numFmtId="0" fontId="7" fillId="0" borderId="7" xfId="0" applyFont="1" applyFill="1" applyBorder="1" applyAlignment="1">
      <alignment vertical="center"/>
    </xf>
    <xf numFmtId="0" fontId="10" fillId="0" borderId="13" xfId="0" applyFont="1" applyBorder="1">
      <alignment vertical="center"/>
    </xf>
    <xf numFmtId="0" fontId="0" fillId="0" borderId="0" xfId="0" applyFont="1">
      <alignment vertical="center"/>
    </xf>
    <xf numFmtId="0" fontId="10" fillId="0" borderId="16" xfId="0" applyFont="1" applyBorder="1">
      <alignment vertical="center"/>
    </xf>
    <xf numFmtId="0" fontId="10" fillId="0" borderId="5" xfId="0" applyFont="1" applyBorder="1" applyAlignment="1">
      <alignment vertical="center" shrinkToFit="1"/>
    </xf>
    <xf numFmtId="0" fontId="12" fillId="2" borderId="1" xfId="0" applyFont="1" applyFill="1" applyBorder="1" applyAlignment="1">
      <alignment horizontal="center" vertical="center" wrapText="1" shrinkToFit="1"/>
    </xf>
    <xf numFmtId="0" fontId="15" fillId="0" borderId="8" xfId="0" applyFont="1" applyBorder="1" applyAlignment="1">
      <alignment horizontal="right" vertical="center"/>
    </xf>
    <xf numFmtId="0" fontId="12" fillId="2" borderId="9" xfId="0" applyFont="1" applyFill="1" applyBorder="1" applyAlignment="1">
      <alignment horizontal="center" vertical="center" wrapText="1"/>
    </xf>
    <xf numFmtId="0" fontId="12" fillId="2" borderId="14" xfId="0" applyFont="1" applyFill="1" applyBorder="1" applyAlignment="1">
      <alignment horizontal="center" vertical="center" wrapText="1"/>
    </xf>
    <xf numFmtId="0" fontId="12" fillId="2" borderId="7" xfId="0" applyFont="1" applyFill="1" applyBorder="1" applyAlignment="1">
      <alignment horizontal="center" vertical="center" wrapText="1"/>
    </xf>
    <xf numFmtId="0" fontId="12" fillId="2" borderId="1" xfId="0" applyFont="1" applyFill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5" fillId="3" borderId="11" xfId="0" applyFont="1" applyFill="1" applyBorder="1" applyAlignment="1">
      <alignment horizontal="center" vertical="center" wrapText="1"/>
    </xf>
    <xf numFmtId="0" fontId="5" fillId="3" borderId="12" xfId="0" applyFont="1" applyFill="1" applyBorder="1" applyAlignment="1">
      <alignment horizontal="center" vertical="center" wrapText="1"/>
    </xf>
    <xf numFmtId="0" fontId="5" fillId="3" borderId="10" xfId="0" applyFont="1" applyFill="1" applyBorder="1" applyAlignment="1">
      <alignment horizontal="center" vertical="center"/>
    </xf>
    <xf numFmtId="0" fontId="5" fillId="3" borderId="11" xfId="0" applyFont="1" applyFill="1" applyBorder="1" applyAlignment="1">
      <alignment horizontal="center" vertical="center"/>
    </xf>
    <xf numFmtId="0" fontId="5" fillId="3" borderId="15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457200</xdr:colOff>
      <xdr:row>0</xdr:row>
      <xdr:rowOff>127000</xdr:rowOff>
    </xdr:from>
    <xdr:to>
      <xdr:col>10</xdr:col>
      <xdr:colOff>393700</xdr:colOff>
      <xdr:row>0</xdr:row>
      <xdr:rowOff>704850</xdr:rowOff>
    </xdr:to>
    <xdr:sp macro="" textlink="">
      <xdr:nvSpPr>
        <xdr:cNvPr id="4" name="角丸四角形吹き出し 3"/>
        <xdr:cNvSpPr/>
      </xdr:nvSpPr>
      <xdr:spPr>
        <a:xfrm>
          <a:off x="3600450" y="127000"/>
          <a:ext cx="5842000" cy="577850"/>
        </a:xfrm>
        <a:prstGeom prst="wedgeRoundRectCallout">
          <a:avLst>
            <a:gd name="adj1" fmla="val 58866"/>
            <a:gd name="adj2" fmla="val 290844"/>
            <a:gd name="adj3" fmla="val 16667"/>
          </a:avLst>
        </a:prstGeom>
        <a:solidFill>
          <a:schemeClr val="accent1">
            <a:alpha val="10000"/>
          </a:schemeClr>
        </a:solidFill>
        <a:ln w="19050">
          <a:solidFill>
            <a:schemeClr val="accent1">
              <a:shade val="95000"/>
              <a:satMod val="105000"/>
            </a:schemeClr>
          </a:solidFill>
        </a:ln>
        <a:effectLst/>
      </xdr:spPr>
      <xdr:style>
        <a:lnRef idx="1">
          <a:schemeClr val="accent1"/>
        </a:lnRef>
        <a:fillRef idx="2">
          <a:schemeClr val="accent1"/>
        </a:fillRef>
        <a:effectRef idx="1">
          <a:schemeClr val="accent1"/>
        </a:effectRef>
        <a:fontRef idx="minor">
          <a:schemeClr val="dk1"/>
        </a:fontRef>
      </xdr:style>
      <xdr:txBody>
        <a:bodyPr vertOverflow="clip" rtlCol="0" anchor="ctr"/>
        <a:lstStyle/>
        <a:p>
          <a:pPr algn="l"/>
          <a:r>
            <a:rPr kumimoji="0" lang="ja-JP" altLang="en-US" sz="1400" b="0" i="0" baseline="0">
              <a:solidFill>
                <a:schemeClr val="dk1"/>
              </a:solidFill>
              <a:latin typeface="+mn-lt"/>
              <a:ea typeface="+mn-ea"/>
              <a:cs typeface="+mn-cs"/>
            </a:rPr>
            <a:t>１事業所で複数の業務を受注している場合は、行を分けて記載してください。</a:t>
          </a:r>
          <a:endParaRPr kumimoji="1" lang="ja-JP" altLang="en-US" sz="1400" b="0"/>
        </a:p>
      </xdr:txBody>
    </xdr:sp>
    <xdr:clientData/>
  </xdr:twoCellAnchor>
  <xdr:twoCellAnchor>
    <xdr:from>
      <xdr:col>11</xdr:col>
      <xdr:colOff>25400</xdr:colOff>
      <xdr:row>0</xdr:row>
      <xdr:rowOff>139700</xdr:rowOff>
    </xdr:from>
    <xdr:to>
      <xdr:col>12</xdr:col>
      <xdr:colOff>3317875</xdr:colOff>
      <xdr:row>0</xdr:row>
      <xdr:rowOff>691591</xdr:rowOff>
    </xdr:to>
    <xdr:sp macro="" textlink="">
      <xdr:nvSpPr>
        <xdr:cNvPr id="7" name="角丸四角形吹き出し 6"/>
        <xdr:cNvSpPr/>
      </xdr:nvSpPr>
      <xdr:spPr>
        <a:xfrm>
          <a:off x="7092950" y="139700"/>
          <a:ext cx="3946525" cy="551891"/>
        </a:xfrm>
        <a:prstGeom prst="wedgeRoundRectCallout">
          <a:avLst>
            <a:gd name="adj1" fmla="val 10917"/>
            <a:gd name="adj2" fmla="val 277036"/>
            <a:gd name="adj3" fmla="val 16667"/>
          </a:avLst>
        </a:prstGeom>
        <a:solidFill>
          <a:schemeClr val="accent1">
            <a:alpha val="10000"/>
          </a:schemeClr>
        </a:solidFill>
        <a:ln w="19050">
          <a:solidFill>
            <a:schemeClr val="accent1">
              <a:shade val="95000"/>
              <a:satMod val="105000"/>
            </a:schemeClr>
          </a:solidFill>
        </a:ln>
        <a:effectLst/>
      </xdr:spPr>
      <xdr:style>
        <a:lnRef idx="1">
          <a:schemeClr val="accent1"/>
        </a:lnRef>
        <a:fillRef idx="2">
          <a:schemeClr val="accent1"/>
        </a:fillRef>
        <a:effectRef idx="1">
          <a:schemeClr val="accent1"/>
        </a:effectRef>
        <a:fontRef idx="minor">
          <a:schemeClr val="dk1"/>
        </a:fontRef>
      </xdr:style>
      <xdr:txBody>
        <a:bodyPr vertOverflow="clip" rtlCol="0" anchor="ctr"/>
        <a:lstStyle/>
        <a:p>
          <a:pPr algn="l"/>
          <a:r>
            <a:rPr kumimoji="0" lang="ja-JP" altLang="en-US" sz="1100" b="0" i="0" baseline="0">
              <a:solidFill>
                <a:schemeClr val="dk1"/>
              </a:solidFill>
              <a:latin typeface="+mn-lt"/>
              <a:ea typeface="+mn-ea"/>
              <a:cs typeface="+mn-cs"/>
            </a:rPr>
            <a:t>受注可能な仕様や価格・納期等についてはなるべく詳細に記載してください。</a:t>
          </a:r>
          <a:endParaRPr kumimoji="1" lang="ja-JP" altLang="en-US" sz="1100" b="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Q28"/>
  <sheetViews>
    <sheetView tabSelected="1" view="pageBreakPreview" zoomScale="90" zoomScaleNormal="100" zoomScaleSheetLayoutView="90" workbookViewId="0">
      <selection sqref="A1:M1"/>
    </sheetView>
  </sheetViews>
  <sheetFormatPr defaultColWidth="9" defaultRowHeight="21.75" customHeight="1"/>
  <cols>
    <col min="1" max="1" width="10.25" style="7" customWidth="1"/>
    <col min="2" max="4" width="15.5" style="7" customWidth="1"/>
    <col min="5" max="6" width="7.58203125" style="8" customWidth="1"/>
    <col min="7" max="7" width="19.08203125" style="8" customWidth="1"/>
    <col min="8" max="8" width="7.58203125" style="8" customWidth="1"/>
    <col min="9" max="9" width="11.58203125" style="9" customWidth="1"/>
    <col min="10" max="12" width="8.58203125" style="7" customWidth="1"/>
    <col min="13" max="13" width="48" style="7" customWidth="1"/>
    <col min="14" max="16" width="9" style="7" customWidth="1"/>
    <col min="17" max="16384" width="9" style="7"/>
  </cols>
  <sheetData>
    <row r="1" spans="1:17" ht="66.5" customHeight="1">
      <c r="A1" s="30" t="s">
        <v>36</v>
      </c>
      <c r="B1" s="30"/>
      <c r="C1" s="30"/>
      <c r="D1" s="30"/>
      <c r="E1" s="30"/>
      <c r="F1" s="30"/>
      <c r="G1" s="30"/>
      <c r="H1" s="30"/>
      <c r="I1" s="30"/>
      <c r="J1" s="30"/>
      <c r="K1" s="30"/>
      <c r="L1" s="30"/>
      <c r="M1" s="30"/>
    </row>
    <row r="2" spans="1:17" ht="21.75" customHeight="1">
      <c r="A2" s="31" t="s">
        <v>3</v>
      </c>
      <c r="B2" s="34" t="s">
        <v>38</v>
      </c>
      <c r="C2" s="34" t="s">
        <v>1</v>
      </c>
      <c r="D2" s="31" t="s">
        <v>55</v>
      </c>
      <c r="E2" s="34" t="s">
        <v>39</v>
      </c>
      <c r="F2" s="34" t="s">
        <v>40</v>
      </c>
      <c r="G2" s="31" t="s">
        <v>53</v>
      </c>
      <c r="H2" s="34" t="s">
        <v>0</v>
      </c>
      <c r="I2" s="34"/>
      <c r="J2" s="29" t="s">
        <v>41</v>
      </c>
      <c r="K2" s="29" t="s">
        <v>14</v>
      </c>
      <c r="L2" s="29"/>
      <c r="M2" s="29" t="s">
        <v>80</v>
      </c>
    </row>
    <row r="3" spans="1:17" ht="21.75" customHeight="1">
      <c r="A3" s="32"/>
      <c r="B3" s="34"/>
      <c r="C3" s="34"/>
      <c r="D3" s="32"/>
      <c r="E3" s="34"/>
      <c r="F3" s="34"/>
      <c r="G3" s="32"/>
      <c r="H3" s="34"/>
      <c r="I3" s="34"/>
      <c r="J3" s="29"/>
      <c r="K3" s="29"/>
      <c r="L3" s="29"/>
      <c r="M3" s="29"/>
    </row>
    <row r="4" spans="1:17" ht="21.75" customHeight="1">
      <c r="A4" s="32"/>
      <c r="B4" s="34"/>
      <c r="C4" s="34"/>
      <c r="D4" s="32"/>
      <c r="E4" s="34"/>
      <c r="F4" s="34"/>
      <c r="G4" s="32"/>
      <c r="H4" s="34"/>
      <c r="I4" s="34"/>
      <c r="J4" s="29"/>
      <c r="K4" s="29"/>
      <c r="L4" s="29"/>
      <c r="M4" s="29"/>
    </row>
    <row r="5" spans="1:17" ht="21.75" customHeight="1">
      <c r="A5" s="33"/>
      <c r="B5" s="34"/>
      <c r="C5" s="34"/>
      <c r="D5" s="33"/>
      <c r="E5" s="34"/>
      <c r="F5" s="34"/>
      <c r="G5" s="33"/>
      <c r="H5" s="34"/>
      <c r="I5" s="34"/>
      <c r="J5" s="29"/>
      <c r="K5" s="29"/>
      <c r="L5" s="29"/>
      <c r="M5" s="29"/>
    </row>
    <row r="6" spans="1:17" ht="60" customHeight="1">
      <c r="A6" s="15"/>
      <c r="B6" s="15"/>
      <c r="C6" s="15"/>
      <c r="D6" s="15"/>
      <c r="E6" s="16"/>
      <c r="F6" s="16"/>
      <c r="G6" s="16"/>
      <c r="H6" s="15"/>
      <c r="I6" s="17"/>
      <c r="J6" s="15"/>
      <c r="K6" s="15"/>
      <c r="L6" s="15"/>
      <c r="M6" s="18" t="s">
        <v>81</v>
      </c>
      <c r="O6" s="7" t="s">
        <v>31</v>
      </c>
      <c r="P6" s="7" t="s">
        <v>59</v>
      </c>
      <c r="Q6" s="7" t="s">
        <v>16</v>
      </c>
    </row>
    <row r="7" spans="1:17" ht="60" customHeight="1">
      <c r="A7" s="15"/>
      <c r="B7" s="15"/>
      <c r="C7" s="15"/>
      <c r="D7" s="15"/>
      <c r="E7" s="16"/>
      <c r="F7" s="16"/>
      <c r="G7" s="16"/>
      <c r="H7" s="15"/>
      <c r="I7" s="17"/>
      <c r="J7" s="15"/>
      <c r="K7" s="15"/>
      <c r="L7" s="15"/>
      <c r="M7" s="18"/>
      <c r="O7" s="7" t="s">
        <v>32</v>
      </c>
      <c r="P7" s="7" t="s">
        <v>58</v>
      </c>
      <c r="Q7" s="7" t="s">
        <v>44</v>
      </c>
    </row>
    <row r="8" spans="1:17" ht="60" customHeight="1">
      <c r="A8" s="15"/>
      <c r="B8" s="15"/>
      <c r="C8" s="15"/>
      <c r="D8" s="15"/>
      <c r="E8" s="16"/>
      <c r="F8" s="16"/>
      <c r="G8" s="16"/>
      <c r="H8" s="15"/>
      <c r="I8" s="17"/>
      <c r="J8" s="15"/>
      <c r="K8" s="15"/>
      <c r="L8" s="15"/>
      <c r="M8" s="18"/>
      <c r="O8" s="7" t="s">
        <v>33</v>
      </c>
      <c r="Q8" s="7" t="s">
        <v>57</v>
      </c>
    </row>
    <row r="9" spans="1:17" ht="60" customHeight="1">
      <c r="A9" s="15"/>
      <c r="B9" s="15"/>
      <c r="C9" s="15"/>
      <c r="D9" s="15"/>
      <c r="E9" s="16"/>
      <c r="F9" s="16"/>
      <c r="G9" s="16"/>
      <c r="H9" s="15"/>
      <c r="I9" s="17"/>
      <c r="J9" s="15"/>
      <c r="K9" s="15"/>
      <c r="L9" s="15"/>
      <c r="M9" s="18"/>
      <c r="O9" s="7" t="s">
        <v>35</v>
      </c>
      <c r="Q9" s="7" t="s">
        <v>76</v>
      </c>
    </row>
    <row r="10" spans="1:17" ht="60" customHeight="1">
      <c r="A10" s="15"/>
      <c r="B10" s="15"/>
      <c r="C10" s="15"/>
      <c r="D10" s="15"/>
      <c r="E10" s="16"/>
      <c r="F10" s="15"/>
      <c r="G10" s="15"/>
      <c r="H10" s="15"/>
      <c r="I10" s="17"/>
      <c r="J10" s="15"/>
      <c r="K10" s="15"/>
      <c r="L10" s="15"/>
      <c r="M10" s="19"/>
      <c r="O10" s="7" t="s">
        <v>34</v>
      </c>
      <c r="Q10" s="7" t="s">
        <v>21</v>
      </c>
    </row>
    <row r="11" spans="1:17" ht="60" customHeight="1">
      <c r="A11" s="15"/>
      <c r="B11" s="15"/>
      <c r="C11" s="15"/>
      <c r="D11" s="15"/>
      <c r="E11" s="16"/>
      <c r="F11" s="15"/>
      <c r="G11" s="15"/>
      <c r="H11" s="15"/>
      <c r="I11" s="17"/>
      <c r="J11" s="18"/>
      <c r="K11" s="15"/>
      <c r="L11" s="15"/>
      <c r="M11" s="18"/>
      <c r="O11" s="7" t="s">
        <v>42</v>
      </c>
      <c r="Q11" s="7" t="s">
        <v>20</v>
      </c>
    </row>
    <row r="12" spans="1:17" ht="60.75" customHeight="1">
      <c r="A12" s="15"/>
      <c r="B12" s="17"/>
      <c r="C12" s="17"/>
      <c r="D12" s="17"/>
      <c r="E12" s="16"/>
      <c r="F12" s="15"/>
      <c r="G12" s="15"/>
      <c r="H12" s="15"/>
      <c r="I12" s="17"/>
      <c r="J12" s="18"/>
      <c r="K12" s="15"/>
      <c r="L12" s="15"/>
      <c r="M12" s="18"/>
      <c r="O12" s="7" t="s">
        <v>82</v>
      </c>
      <c r="Q12" s="7" t="s">
        <v>64</v>
      </c>
    </row>
    <row r="13" spans="1:17" ht="60.75" customHeight="1">
      <c r="A13" s="15"/>
      <c r="B13" s="17"/>
      <c r="C13" s="17"/>
      <c r="D13" s="17"/>
      <c r="E13" s="16"/>
      <c r="F13" s="15"/>
      <c r="G13" s="15"/>
      <c r="H13" s="15"/>
      <c r="I13" s="17"/>
      <c r="J13" s="18"/>
      <c r="K13" s="15"/>
      <c r="L13" s="15"/>
      <c r="M13" s="18"/>
      <c r="Q13" s="7" t="s">
        <v>65</v>
      </c>
    </row>
    <row r="14" spans="1:17" ht="60.75" customHeight="1">
      <c r="A14" s="15"/>
      <c r="B14" s="17"/>
      <c r="C14" s="17"/>
      <c r="D14" s="17"/>
      <c r="E14" s="16"/>
      <c r="F14" s="15"/>
      <c r="G14" s="15"/>
      <c r="H14" s="15"/>
      <c r="I14" s="17"/>
      <c r="J14" s="18"/>
      <c r="K14" s="15"/>
      <c r="L14" s="15"/>
      <c r="M14" s="18"/>
      <c r="Q14" s="7" t="s">
        <v>66</v>
      </c>
    </row>
    <row r="15" spans="1:17" ht="60.75" customHeight="1">
      <c r="Q15" s="7" t="s">
        <v>67</v>
      </c>
    </row>
    <row r="16" spans="1:17" ht="60.75" customHeight="1">
      <c r="Q16" s="7" t="s">
        <v>46</v>
      </c>
    </row>
    <row r="17" spans="17:17" ht="21.75" customHeight="1">
      <c r="Q17" s="7" t="s">
        <v>68</v>
      </c>
    </row>
    <row r="18" spans="17:17" ht="21.75" customHeight="1">
      <c r="Q18" s="7" t="s">
        <v>69</v>
      </c>
    </row>
    <row r="19" spans="17:17" ht="21.75" customHeight="1">
      <c r="Q19" s="7" t="s">
        <v>70</v>
      </c>
    </row>
    <row r="20" spans="17:17" ht="21.75" customHeight="1">
      <c r="Q20" s="7" t="s">
        <v>71</v>
      </c>
    </row>
    <row r="21" spans="17:17" ht="21.75" customHeight="1">
      <c r="Q21" s="7" t="s">
        <v>72</v>
      </c>
    </row>
    <row r="22" spans="17:17" ht="21.75" customHeight="1">
      <c r="Q22" s="7" t="s">
        <v>62</v>
      </c>
    </row>
    <row r="23" spans="17:17" ht="21.75" customHeight="1">
      <c r="Q23" s="7" t="s">
        <v>73</v>
      </c>
    </row>
    <row r="24" spans="17:17" ht="21.75" customHeight="1">
      <c r="Q24" s="7" t="s">
        <v>74</v>
      </c>
    </row>
    <row r="25" spans="17:17" ht="21.75" customHeight="1">
      <c r="Q25" s="7" t="s">
        <v>77</v>
      </c>
    </row>
    <row r="26" spans="17:17" ht="21.75" customHeight="1">
      <c r="Q26" s="7" t="s">
        <v>75</v>
      </c>
    </row>
    <row r="27" spans="17:17" ht="21.75" customHeight="1">
      <c r="Q27" s="7" t="s">
        <v>47</v>
      </c>
    </row>
    <row r="28" spans="17:17" ht="21.75" customHeight="1">
      <c r="Q28" s="7" t="s">
        <v>61</v>
      </c>
    </row>
  </sheetData>
  <mergeCells count="12">
    <mergeCell ref="K2:L5"/>
    <mergeCell ref="M2:M5"/>
    <mergeCell ref="A1:M1"/>
    <mergeCell ref="A2:A5"/>
    <mergeCell ref="B2:B5"/>
    <mergeCell ref="C2:C5"/>
    <mergeCell ref="D2:D5"/>
    <mergeCell ref="E2:E5"/>
    <mergeCell ref="F2:F5"/>
    <mergeCell ref="G2:G5"/>
    <mergeCell ref="H2:I5"/>
    <mergeCell ref="J2:J5"/>
  </mergeCells>
  <phoneticPr fontId="1"/>
  <dataValidations count="3">
    <dataValidation type="list" allowBlank="1" showInputMessage="1" showErrorMessage="1" sqref="A6:A14">
      <formula1>$O$5:$O$12</formula1>
    </dataValidation>
    <dataValidation type="list" allowBlank="1" showInputMessage="1" showErrorMessage="1" sqref="K6:K14">
      <formula1>$P$5:$P$7</formula1>
    </dataValidation>
    <dataValidation type="list" allowBlank="1" showInputMessage="1" showErrorMessage="1" sqref="L6:L14">
      <formula1>$Q$5:$Q$27</formula1>
    </dataValidation>
  </dataValidations>
  <printOptions horizontalCentered="1"/>
  <pageMargins left="0.78740157480314965" right="0.78740157480314965" top="0.98425196850393704" bottom="0.98425196850393704" header="0.51181102362204722" footer="0.51181102362204722"/>
  <pageSetup paperSize="9" scale="64" fitToHeight="48" orientation="landscape" r:id="rId1"/>
  <headerFooter alignWithMargins="0">
    <oddHeader xml:space="preserve">&amp;C&amp;"ＭＳ Ｐゴシック,太字"
</oddHeader>
    <oddFooter>&amp;C&amp;A&amp;P / &amp;N ページ</oddFoot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FF00"/>
  </sheetPr>
  <dimension ref="A1:Q28"/>
  <sheetViews>
    <sheetView view="pageBreakPreview" zoomScale="85" zoomScaleNormal="100" zoomScaleSheetLayoutView="85" workbookViewId="0">
      <selection sqref="A1:M1"/>
    </sheetView>
  </sheetViews>
  <sheetFormatPr defaultColWidth="9" defaultRowHeight="21.75" customHeight="1"/>
  <cols>
    <col min="1" max="1" width="10.25" style="7" customWidth="1"/>
    <col min="2" max="4" width="15.5" style="7" customWidth="1"/>
    <col min="5" max="6" width="7.58203125" style="8" customWidth="1"/>
    <col min="7" max="7" width="19.08203125" style="8" customWidth="1"/>
    <col min="8" max="8" width="7.58203125" style="8" customWidth="1"/>
    <col min="9" max="9" width="11.58203125" style="9" customWidth="1"/>
    <col min="10" max="12" width="8.58203125" style="7" customWidth="1"/>
    <col min="13" max="13" width="48" style="7" customWidth="1"/>
    <col min="14" max="16" width="9" style="7" customWidth="1"/>
    <col min="17" max="16384" width="9" style="7"/>
  </cols>
  <sheetData>
    <row r="1" spans="1:17" ht="66.5" customHeight="1">
      <c r="A1" s="30" t="s">
        <v>36</v>
      </c>
      <c r="B1" s="30"/>
      <c r="C1" s="30"/>
      <c r="D1" s="30"/>
      <c r="E1" s="30"/>
      <c r="F1" s="30"/>
      <c r="G1" s="30"/>
      <c r="H1" s="30"/>
      <c r="I1" s="30"/>
      <c r="J1" s="30"/>
      <c r="K1" s="30"/>
      <c r="L1" s="30"/>
      <c r="M1" s="30"/>
    </row>
    <row r="2" spans="1:17" ht="21.75" customHeight="1">
      <c r="A2" s="31" t="s">
        <v>3</v>
      </c>
      <c r="B2" s="34" t="s">
        <v>38</v>
      </c>
      <c r="C2" s="34" t="s">
        <v>1</v>
      </c>
      <c r="D2" s="31" t="s">
        <v>55</v>
      </c>
      <c r="E2" s="34" t="s">
        <v>39</v>
      </c>
      <c r="F2" s="34" t="s">
        <v>40</v>
      </c>
      <c r="G2" s="31" t="s">
        <v>53</v>
      </c>
      <c r="H2" s="34" t="s">
        <v>0</v>
      </c>
      <c r="I2" s="34"/>
      <c r="J2" s="29" t="s">
        <v>41</v>
      </c>
      <c r="K2" s="29" t="s">
        <v>14</v>
      </c>
      <c r="L2" s="29"/>
      <c r="M2" s="29" t="s">
        <v>83</v>
      </c>
    </row>
    <row r="3" spans="1:17" ht="21.75" customHeight="1">
      <c r="A3" s="32"/>
      <c r="B3" s="34"/>
      <c r="C3" s="34"/>
      <c r="D3" s="32"/>
      <c r="E3" s="34"/>
      <c r="F3" s="34"/>
      <c r="G3" s="32"/>
      <c r="H3" s="34"/>
      <c r="I3" s="34"/>
      <c r="J3" s="29"/>
      <c r="K3" s="29"/>
      <c r="L3" s="29"/>
      <c r="M3" s="29"/>
    </row>
    <row r="4" spans="1:17" ht="21.75" customHeight="1">
      <c r="A4" s="32"/>
      <c r="B4" s="34"/>
      <c r="C4" s="34"/>
      <c r="D4" s="32"/>
      <c r="E4" s="34"/>
      <c r="F4" s="34"/>
      <c r="G4" s="32"/>
      <c r="H4" s="34"/>
      <c r="I4" s="34"/>
      <c r="J4" s="29"/>
      <c r="K4" s="29"/>
      <c r="L4" s="29"/>
      <c r="M4" s="29"/>
    </row>
    <row r="5" spans="1:17" ht="21.75" customHeight="1">
      <c r="A5" s="33"/>
      <c r="B5" s="34"/>
      <c r="C5" s="34"/>
      <c r="D5" s="33"/>
      <c r="E5" s="34"/>
      <c r="F5" s="34"/>
      <c r="G5" s="33"/>
      <c r="H5" s="34"/>
      <c r="I5" s="34"/>
      <c r="J5" s="29"/>
      <c r="K5" s="29"/>
      <c r="L5" s="29"/>
      <c r="M5" s="29"/>
    </row>
    <row r="6" spans="1:17" ht="60" customHeight="1">
      <c r="A6" s="15" t="s">
        <v>35</v>
      </c>
      <c r="B6" s="15" t="s">
        <v>49</v>
      </c>
      <c r="C6" s="15" t="s">
        <v>50</v>
      </c>
      <c r="D6" s="15" t="s">
        <v>56</v>
      </c>
      <c r="E6" s="16" t="s">
        <v>37</v>
      </c>
      <c r="F6" s="16" t="s">
        <v>37</v>
      </c>
      <c r="G6" s="16" t="s">
        <v>54</v>
      </c>
      <c r="H6" s="15" t="s">
        <v>11</v>
      </c>
      <c r="I6" s="17" t="s">
        <v>45</v>
      </c>
      <c r="J6" s="15" t="s">
        <v>37</v>
      </c>
      <c r="K6" s="15" t="s">
        <v>58</v>
      </c>
      <c r="L6" s="15" t="s">
        <v>17</v>
      </c>
      <c r="M6" s="18" t="s">
        <v>85</v>
      </c>
      <c r="O6" s="7" t="s">
        <v>31</v>
      </c>
      <c r="P6" s="7" t="s">
        <v>59</v>
      </c>
      <c r="Q6" s="7" t="s">
        <v>16</v>
      </c>
    </row>
    <row r="7" spans="1:17" ht="60" customHeight="1">
      <c r="A7" s="15" t="s">
        <v>34</v>
      </c>
      <c r="B7" s="15" t="s">
        <v>49</v>
      </c>
      <c r="C7" s="15" t="s">
        <v>51</v>
      </c>
      <c r="D7" s="15" t="s">
        <v>56</v>
      </c>
      <c r="E7" s="16" t="s">
        <v>37</v>
      </c>
      <c r="F7" s="16" t="s">
        <v>37</v>
      </c>
      <c r="G7" s="16" t="s">
        <v>54</v>
      </c>
      <c r="H7" s="15" t="s">
        <v>11</v>
      </c>
      <c r="I7" s="17" t="s">
        <v>45</v>
      </c>
      <c r="J7" s="15" t="s">
        <v>37</v>
      </c>
      <c r="K7" s="15" t="s">
        <v>58</v>
      </c>
      <c r="L7" s="15" t="s">
        <v>18</v>
      </c>
      <c r="M7" s="18" t="s">
        <v>87</v>
      </c>
      <c r="O7" s="7" t="s">
        <v>32</v>
      </c>
      <c r="P7" s="7" t="s">
        <v>58</v>
      </c>
      <c r="Q7" s="7" t="s">
        <v>44</v>
      </c>
    </row>
    <row r="8" spans="1:17" ht="60" customHeight="1">
      <c r="A8" s="15" t="s">
        <v>35</v>
      </c>
      <c r="B8" s="15" t="s">
        <v>49</v>
      </c>
      <c r="C8" s="15" t="s">
        <v>50</v>
      </c>
      <c r="D8" s="15" t="s">
        <v>56</v>
      </c>
      <c r="E8" s="16" t="s">
        <v>37</v>
      </c>
      <c r="F8" s="16" t="s">
        <v>37</v>
      </c>
      <c r="G8" s="16" t="s">
        <v>37</v>
      </c>
      <c r="H8" s="15" t="s">
        <v>11</v>
      </c>
      <c r="I8" s="17" t="s">
        <v>45</v>
      </c>
      <c r="J8" s="15" t="s">
        <v>37</v>
      </c>
      <c r="K8" s="15" t="s">
        <v>59</v>
      </c>
      <c r="L8" s="15" t="s">
        <v>21</v>
      </c>
      <c r="M8" s="18" t="s">
        <v>84</v>
      </c>
      <c r="O8" s="7" t="s">
        <v>33</v>
      </c>
      <c r="Q8" s="7" t="s">
        <v>57</v>
      </c>
    </row>
    <row r="9" spans="1:17" ht="60" customHeight="1">
      <c r="A9" s="15" t="s">
        <v>31</v>
      </c>
      <c r="B9" s="15" t="s">
        <v>49</v>
      </c>
      <c r="C9" s="15" t="s">
        <v>52</v>
      </c>
      <c r="D9" s="15" t="s">
        <v>56</v>
      </c>
      <c r="E9" s="16" t="s">
        <v>37</v>
      </c>
      <c r="F9" s="16" t="s">
        <v>37</v>
      </c>
      <c r="G9" s="16" t="s">
        <v>37</v>
      </c>
      <c r="H9" s="15" t="s">
        <v>11</v>
      </c>
      <c r="I9" s="17" t="s">
        <v>45</v>
      </c>
      <c r="J9" s="15" t="s">
        <v>37</v>
      </c>
      <c r="K9" s="15" t="s">
        <v>59</v>
      </c>
      <c r="L9" s="15" t="s">
        <v>76</v>
      </c>
      <c r="M9" s="18" t="s">
        <v>86</v>
      </c>
      <c r="O9" s="7" t="s">
        <v>35</v>
      </c>
      <c r="Q9" s="7" t="s">
        <v>76</v>
      </c>
    </row>
    <row r="10" spans="1:17" ht="60" customHeight="1">
      <c r="A10" s="15"/>
      <c r="B10" s="15"/>
      <c r="C10" s="15"/>
      <c r="D10" s="15"/>
      <c r="E10" s="16"/>
      <c r="F10" s="16"/>
      <c r="G10" s="16"/>
      <c r="H10" s="15"/>
      <c r="I10" s="17"/>
      <c r="J10" s="15"/>
      <c r="K10" s="15"/>
      <c r="L10" s="15"/>
      <c r="M10" s="18"/>
      <c r="O10" s="7" t="s">
        <v>34</v>
      </c>
      <c r="Q10" s="7" t="s">
        <v>21</v>
      </c>
    </row>
    <row r="11" spans="1:17" ht="60" customHeight="1">
      <c r="A11" s="15"/>
      <c r="B11" s="15"/>
      <c r="C11" s="15"/>
      <c r="D11" s="15"/>
      <c r="E11" s="16"/>
      <c r="F11" s="15"/>
      <c r="G11" s="15"/>
      <c r="H11" s="15"/>
      <c r="I11" s="17"/>
      <c r="J11" s="18"/>
      <c r="K11" s="15"/>
      <c r="L11" s="15"/>
      <c r="M11" s="18"/>
      <c r="O11" s="7" t="s">
        <v>42</v>
      </c>
      <c r="Q11" s="7" t="s">
        <v>20</v>
      </c>
    </row>
    <row r="12" spans="1:17" ht="60.75" customHeight="1">
      <c r="A12" s="15"/>
      <c r="B12" s="17"/>
      <c r="C12" s="17"/>
      <c r="D12" s="17"/>
      <c r="E12" s="16"/>
      <c r="F12" s="15"/>
      <c r="G12" s="15"/>
      <c r="H12" s="15"/>
      <c r="I12" s="17"/>
      <c r="J12" s="18"/>
      <c r="K12" s="15"/>
      <c r="L12" s="15"/>
      <c r="M12" s="18"/>
      <c r="O12" s="7" t="s">
        <v>82</v>
      </c>
      <c r="Q12" s="7" t="s">
        <v>28</v>
      </c>
    </row>
    <row r="13" spans="1:17" ht="60.75" customHeight="1">
      <c r="A13" s="15"/>
      <c r="B13" s="17"/>
      <c r="C13" s="17"/>
      <c r="D13" s="17"/>
      <c r="E13" s="16"/>
      <c r="F13" s="15"/>
      <c r="G13" s="15"/>
      <c r="H13" s="15"/>
      <c r="I13" s="17"/>
      <c r="J13" s="18"/>
      <c r="K13" s="15"/>
      <c r="L13" s="15"/>
      <c r="M13" s="18"/>
      <c r="Q13" s="7" t="s">
        <v>2</v>
      </c>
    </row>
    <row r="14" spans="1:17" ht="60.75" customHeight="1">
      <c r="A14" s="15"/>
      <c r="B14" s="17"/>
      <c r="C14" s="17"/>
      <c r="D14" s="17"/>
      <c r="E14" s="16"/>
      <c r="F14" s="15"/>
      <c r="G14" s="15"/>
      <c r="H14" s="15"/>
      <c r="I14" s="17"/>
      <c r="J14" s="18"/>
      <c r="K14" s="15"/>
      <c r="L14" s="15"/>
      <c r="M14" s="18"/>
      <c r="Q14" s="7" t="s">
        <v>29</v>
      </c>
    </row>
    <row r="15" spans="1:17" ht="60.75" customHeight="1">
      <c r="Q15" s="7" t="s">
        <v>30</v>
      </c>
    </row>
    <row r="16" spans="1:17" ht="60.75" customHeight="1">
      <c r="Q16" s="7" t="s">
        <v>46</v>
      </c>
    </row>
    <row r="17" spans="17:17" ht="21.75" customHeight="1">
      <c r="Q17" s="7" t="s">
        <v>68</v>
      </c>
    </row>
    <row r="18" spans="17:17" ht="21.75" customHeight="1">
      <c r="Q18" s="7" t="s">
        <v>69</v>
      </c>
    </row>
    <row r="19" spans="17:17" ht="21.75" customHeight="1">
      <c r="Q19" s="7" t="s">
        <v>70</v>
      </c>
    </row>
    <row r="20" spans="17:17" ht="21.75" customHeight="1">
      <c r="Q20" s="7" t="s">
        <v>71</v>
      </c>
    </row>
    <row r="21" spans="17:17" ht="21.75" customHeight="1">
      <c r="Q21" s="7" t="s">
        <v>72</v>
      </c>
    </row>
    <row r="22" spans="17:17" ht="21.75" customHeight="1">
      <c r="Q22" s="7" t="s">
        <v>62</v>
      </c>
    </row>
    <row r="23" spans="17:17" ht="21.75" customHeight="1">
      <c r="Q23" s="7" t="s">
        <v>73</v>
      </c>
    </row>
    <row r="24" spans="17:17" ht="21.75" customHeight="1">
      <c r="Q24" s="7" t="s">
        <v>74</v>
      </c>
    </row>
    <row r="25" spans="17:17" ht="21.75" customHeight="1">
      <c r="Q25" s="7" t="s">
        <v>77</v>
      </c>
    </row>
    <row r="26" spans="17:17" ht="21.75" customHeight="1">
      <c r="Q26" s="7" t="s">
        <v>48</v>
      </c>
    </row>
    <row r="27" spans="17:17" ht="21.75" customHeight="1">
      <c r="Q27" s="7" t="s">
        <v>47</v>
      </c>
    </row>
    <row r="28" spans="17:17" ht="21.75" customHeight="1">
      <c r="Q28" s="7" t="s">
        <v>61</v>
      </c>
    </row>
  </sheetData>
  <mergeCells count="12">
    <mergeCell ref="A1:M1"/>
    <mergeCell ref="A2:A5"/>
    <mergeCell ref="B2:B5"/>
    <mergeCell ref="C2:C5"/>
    <mergeCell ref="E2:E5"/>
    <mergeCell ref="F2:F5"/>
    <mergeCell ref="H2:I5"/>
    <mergeCell ref="J2:J5"/>
    <mergeCell ref="K2:L5"/>
    <mergeCell ref="M2:M5"/>
    <mergeCell ref="G2:G5"/>
    <mergeCell ref="D2:D5"/>
  </mergeCells>
  <phoneticPr fontId="1"/>
  <dataValidations count="3">
    <dataValidation type="list" allowBlank="1" showInputMessage="1" showErrorMessage="1" sqref="A6:A14">
      <formula1>$O$5:$O$12</formula1>
    </dataValidation>
    <dataValidation type="list" allowBlank="1" showInputMessage="1" showErrorMessage="1" sqref="K6:K14">
      <formula1>$P$5:$P$6</formula1>
    </dataValidation>
    <dataValidation type="list" allowBlank="1" showInputMessage="1" showErrorMessage="1" sqref="L6:L14">
      <formula1>$Q$5:$Q$28</formula1>
    </dataValidation>
  </dataValidations>
  <printOptions horizontalCentered="1"/>
  <pageMargins left="0.78740157480314965" right="0.78740157480314965" top="0.98425196850393704" bottom="0.98425196850393704" header="0.51181102362204722" footer="0.51181102362204722"/>
  <pageSetup paperSize="9" scale="64" fitToHeight="48" orientation="landscape" r:id="rId1"/>
  <headerFooter alignWithMargins="0">
    <oddHeader xml:space="preserve">&amp;C&amp;"ＭＳ Ｐゴシック,太字"
</oddHeader>
    <oddFooter>&amp;C&amp;A&amp;P / &amp;N ページ</oddFooter>
  </headerFooter>
  <drawing r:id="rId2"/>
  <legacy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C26"/>
  <sheetViews>
    <sheetView view="pageBreakPreview" topLeftCell="A13" zoomScaleNormal="100" workbookViewId="0">
      <selection activeCell="B25" sqref="B25"/>
    </sheetView>
  </sheetViews>
  <sheetFormatPr defaultColWidth="9" defaultRowHeight="16.5"/>
  <cols>
    <col min="1" max="1" width="31.83203125" style="14" customWidth="1"/>
    <col min="2" max="2" width="42.9140625" style="14" customWidth="1"/>
    <col min="3" max="16384" width="9" style="10"/>
  </cols>
  <sheetData>
    <row r="1" spans="1:2" ht="24" customHeight="1">
      <c r="A1" s="35" t="s">
        <v>15</v>
      </c>
      <c r="B1" s="35"/>
    </row>
    <row r="2" spans="1:2" ht="21.75" customHeight="1" thickBot="1">
      <c r="A2" s="36" t="s">
        <v>13</v>
      </c>
      <c r="B2" s="36"/>
    </row>
    <row r="3" spans="1:2" ht="18" customHeight="1">
      <c r="A3" s="39" t="s">
        <v>59</v>
      </c>
      <c r="B3" s="11" t="s">
        <v>16</v>
      </c>
    </row>
    <row r="4" spans="1:2" ht="18" customHeight="1">
      <c r="A4" s="40"/>
      <c r="B4" s="12" t="s">
        <v>44</v>
      </c>
    </row>
    <row r="5" spans="1:2" ht="18" customHeight="1">
      <c r="A5" s="40"/>
      <c r="B5" s="12" t="s">
        <v>57</v>
      </c>
    </row>
    <row r="6" spans="1:2" ht="18" customHeight="1">
      <c r="A6" s="40"/>
      <c r="B6" s="28" t="s">
        <v>79</v>
      </c>
    </row>
    <row r="7" spans="1:2" ht="18" customHeight="1">
      <c r="A7" s="40"/>
      <c r="B7" s="12" t="s">
        <v>22</v>
      </c>
    </row>
    <row r="8" spans="1:2" ht="18" customHeight="1">
      <c r="A8" s="40"/>
      <c r="B8" s="12" t="s">
        <v>23</v>
      </c>
    </row>
    <row r="9" spans="1:2" ht="18" customHeight="1">
      <c r="A9" s="40"/>
      <c r="B9" s="27" t="s">
        <v>28</v>
      </c>
    </row>
    <row r="10" spans="1:2" ht="18" customHeight="1">
      <c r="A10" s="40"/>
      <c r="B10" s="12" t="s">
        <v>2</v>
      </c>
    </row>
    <row r="11" spans="1:2" ht="18" customHeight="1">
      <c r="A11" s="40"/>
      <c r="B11" s="12" t="s">
        <v>29</v>
      </c>
    </row>
    <row r="12" spans="1:2" ht="18" customHeight="1">
      <c r="A12" s="40"/>
      <c r="B12" s="12" t="s">
        <v>30</v>
      </c>
    </row>
    <row r="13" spans="1:2" ht="18" customHeight="1">
      <c r="A13" s="40"/>
      <c r="B13" s="12" t="s">
        <v>46</v>
      </c>
    </row>
    <row r="14" spans="1:2" ht="18" customHeight="1" thickBot="1">
      <c r="A14" s="41"/>
      <c r="B14" s="13" t="s">
        <v>60</v>
      </c>
    </row>
    <row r="15" spans="1:2" ht="18" customHeight="1">
      <c r="A15" s="37" t="s">
        <v>58</v>
      </c>
      <c r="B15" s="11" t="s">
        <v>19</v>
      </c>
    </row>
    <row r="16" spans="1:2" ht="18" customHeight="1">
      <c r="A16" s="37"/>
      <c r="B16" s="12" t="s">
        <v>24</v>
      </c>
    </row>
    <row r="17" spans="1:3" ht="18" customHeight="1">
      <c r="A17" s="37"/>
      <c r="B17" s="12" t="s">
        <v>25</v>
      </c>
    </row>
    <row r="18" spans="1:3" ht="18" customHeight="1">
      <c r="A18" s="37"/>
      <c r="B18" s="12" t="s">
        <v>63</v>
      </c>
    </row>
    <row r="19" spans="1:3" ht="18" customHeight="1">
      <c r="A19" s="37"/>
      <c r="B19" s="12" t="s">
        <v>62</v>
      </c>
    </row>
    <row r="20" spans="1:3" ht="18" customHeight="1">
      <c r="A20" s="37"/>
      <c r="B20" s="12" t="s">
        <v>26</v>
      </c>
    </row>
    <row r="21" spans="1:3" ht="18" customHeight="1">
      <c r="A21" s="37"/>
      <c r="B21" s="12" t="s">
        <v>27</v>
      </c>
    </row>
    <row r="22" spans="1:3" ht="18" customHeight="1">
      <c r="A22" s="37"/>
      <c r="B22" s="25" t="s">
        <v>78</v>
      </c>
    </row>
    <row r="23" spans="1:3" ht="18" customHeight="1">
      <c r="A23" s="37"/>
      <c r="B23" s="25" t="s">
        <v>48</v>
      </c>
    </row>
    <row r="24" spans="1:3" ht="18" customHeight="1">
      <c r="A24" s="37"/>
      <c r="B24" s="25" t="s">
        <v>47</v>
      </c>
    </row>
    <row r="25" spans="1:3" ht="18" customHeight="1" thickBot="1">
      <c r="A25" s="38"/>
      <c r="B25" s="13" t="s">
        <v>61</v>
      </c>
    </row>
    <row r="26" spans="1:3">
      <c r="C26" s="26"/>
    </row>
  </sheetData>
  <mergeCells count="4">
    <mergeCell ref="A1:B1"/>
    <mergeCell ref="A2:B2"/>
    <mergeCell ref="A15:A25"/>
    <mergeCell ref="A3:A14"/>
  </mergeCells>
  <phoneticPr fontId="1"/>
  <printOptions horizontalCentere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2"/>
  </sheetPr>
  <dimension ref="A1:B16"/>
  <sheetViews>
    <sheetView view="pageBreakPreview" zoomScaleNormal="100" workbookViewId="0">
      <selection sqref="A1:B1"/>
    </sheetView>
  </sheetViews>
  <sheetFormatPr defaultRowHeight="16.5"/>
  <cols>
    <col min="2" max="2" width="60.58203125" style="1" customWidth="1"/>
  </cols>
  <sheetData>
    <row r="1" spans="1:2" ht="24" customHeight="1">
      <c r="A1" s="42" t="s">
        <v>4</v>
      </c>
      <c r="B1" s="42"/>
    </row>
    <row r="2" spans="1:2" ht="18" customHeight="1" thickBot="1">
      <c r="A2" s="6"/>
      <c r="B2" s="6"/>
    </row>
    <row r="3" spans="1:2" ht="18" customHeight="1" thickBot="1">
      <c r="A3" s="4" t="s">
        <v>5</v>
      </c>
      <c r="B3" s="5" t="s">
        <v>12</v>
      </c>
    </row>
    <row r="4" spans="1:2" ht="18" customHeight="1">
      <c r="A4" s="23">
        <v>1</v>
      </c>
      <c r="B4" s="24" t="s">
        <v>6</v>
      </c>
    </row>
    <row r="5" spans="1:2" ht="18" customHeight="1">
      <c r="A5" s="20">
        <v>2</v>
      </c>
      <c r="B5" s="21" t="s">
        <v>7</v>
      </c>
    </row>
    <row r="6" spans="1:2" ht="18" customHeight="1">
      <c r="A6" s="20">
        <v>3</v>
      </c>
      <c r="B6" s="21" t="s">
        <v>10</v>
      </c>
    </row>
    <row r="7" spans="1:2" ht="18" customHeight="1">
      <c r="A7" s="20">
        <v>4</v>
      </c>
      <c r="B7" s="22" t="s">
        <v>9</v>
      </c>
    </row>
    <row r="8" spans="1:2" ht="18" customHeight="1">
      <c r="A8" s="20">
        <v>5</v>
      </c>
      <c r="B8" s="21" t="s">
        <v>8</v>
      </c>
    </row>
    <row r="9" spans="1:2" ht="18" customHeight="1">
      <c r="A9" s="20">
        <v>6</v>
      </c>
      <c r="B9" s="22" t="s">
        <v>43</v>
      </c>
    </row>
    <row r="10" spans="1:2" ht="18" customHeight="1">
      <c r="A10" s="2"/>
      <c r="B10" s="3"/>
    </row>
    <row r="11" spans="1:2" ht="18" customHeight="1">
      <c r="A11" s="2"/>
      <c r="B11" s="3"/>
    </row>
    <row r="12" spans="1:2" ht="18" customHeight="1">
      <c r="A12" s="2"/>
      <c r="B12" s="3"/>
    </row>
    <row r="13" spans="1:2" ht="18" customHeight="1">
      <c r="A13" s="2"/>
      <c r="B13" s="3"/>
    </row>
    <row r="14" spans="1:2" ht="18" customHeight="1">
      <c r="A14" s="2"/>
      <c r="B14" s="3"/>
    </row>
    <row r="15" spans="1:2" ht="18" customHeight="1">
      <c r="A15" s="2"/>
      <c r="B15" s="3"/>
    </row>
    <row r="16" spans="1:2" ht="18" customHeight="1"/>
  </sheetData>
  <mergeCells count="1">
    <mergeCell ref="A1:B1"/>
  </mergeCells>
  <phoneticPr fontId="1"/>
  <printOptions horizontalCentere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5</vt:i4>
      </vt:variant>
    </vt:vector>
  </HeadingPairs>
  <TitlesOfParts>
    <vt:vector size="9" baseType="lpstr">
      <vt:lpstr>調査票 </vt:lpstr>
      <vt:lpstr>調査票 (記載例)</vt:lpstr>
      <vt:lpstr>業務種別一覧</vt:lpstr>
      <vt:lpstr>事業所種別</vt:lpstr>
      <vt:lpstr>業務種別一覧!Print_Area</vt:lpstr>
      <vt:lpstr>'調査票 '!Print_Area</vt:lpstr>
      <vt:lpstr>'調査票 (記載例)'!Print_Area</vt:lpstr>
      <vt:lpstr>'調査票 '!Print_Titles</vt:lpstr>
      <vt:lpstr>'調査票 (記載例)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10-29T01:32:33Z</cp:lastPrinted>
  <dcterms:created xsi:type="dcterms:W3CDTF">2008-04-08T03:16:19Z</dcterms:created>
  <dcterms:modified xsi:type="dcterms:W3CDTF">2025-01-29T05:34:12Z</dcterms:modified>
</cp:coreProperties>
</file>